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374554\Desktop\Portal da Transparencia\11.2025 ref. 10.2025\Marina\"/>
    </mc:Choice>
  </mc:AlternateContent>
  <xr:revisionPtr revIDLastSave="0" documentId="13_ncr:1_{DD45733A-F800-450E-9162-C90FCADCFADE}" xr6:coauthVersionLast="47" xr6:coauthVersionMax="47" xr10:uidLastSave="{00000000-0000-0000-0000-000000000000}"/>
  <bookViews>
    <workbookView xWindow="-28920" yWindow="-120" windowWidth="29040" windowHeight="15720" xr2:uid="{D2EFE3BF-7967-42CE-A617-A538E85204CF}"/>
  </bookViews>
  <sheets>
    <sheet name="Planilha1" sheetId="1" r:id="rId1"/>
  </sheets>
  <definedNames>
    <definedName name="_xlnm._FilterDatabase" localSheetId="0" hidden="1">Planilha1!$A$1:$G$10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9" uniqueCount="209">
  <si>
    <t xml:space="preserve">NOME COMPLETO </t>
  </si>
  <si>
    <t>CARGO</t>
  </si>
  <si>
    <t>UNIDADE QUE EXERCE O CARGO (Departamento/Divisão)</t>
  </si>
  <si>
    <t>TIPO DE VÍNCULO</t>
  </si>
  <si>
    <t>ADRIANA NEPOMUCENO GUIDO</t>
  </si>
  <si>
    <t>COORDENADOR II</t>
  </si>
  <si>
    <t>COORDENADORIA DE DESENVOLVIMENTO INSTITUCIONAL</t>
  </si>
  <si>
    <t>ALAN UDALA CAMPOS</t>
  </si>
  <si>
    <t>ANALISTA PLANEJAMENTO DESENV ORGANIZACIONAL (NQ)NIVEL IV</t>
  </si>
  <si>
    <t>DEPARTAMENTO DE CONTABILIDADE</t>
  </si>
  <si>
    <t>EFETIVO</t>
  </si>
  <si>
    <t>DIRETOR I</t>
  </si>
  <si>
    <t>COMISSIONADO</t>
  </si>
  <si>
    <t>ANA LETICIA BARROS VICENTE</t>
  </si>
  <si>
    <t>ASSESSOR II</t>
  </si>
  <si>
    <t>COORDENADORIA DE GESTAO DE INVESTIMENTOS</t>
  </si>
  <si>
    <t>ANA LUCIA MARTINS DE CARVALHO</t>
  </si>
  <si>
    <t>CMSP</t>
  </si>
  <si>
    <t>ANA PAULA NEUMA COSTA ALMEIDA</t>
  </si>
  <si>
    <t>COORDENADORIA DE GESTAO DE BENEFICIOS</t>
  </si>
  <si>
    <t>SMADS</t>
  </si>
  <si>
    <t>ANA PAULA REZZUTTI ROSSI FIGUEIREDO</t>
  </si>
  <si>
    <t>DIVISAO DE GESTAO DE RISCO E CONTROLE INTERNO</t>
  </si>
  <si>
    <t>CAMILA MAYARA GASPAR SERAFIM</t>
  </si>
  <si>
    <t>ASSISTENTE ADMINISTRATIVO DE GESTAO NIVEL I</t>
  </si>
  <si>
    <t>DEPARTAMENTO DE ORCAMENTO E FINANCAS</t>
  </si>
  <si>
    <t>CAMILLA BEATRIZ AMORIM DOS SANTOS</t>
  </si>
  <si>
    <t>CARLOS RIBEIRO DE OLIVEIRA</t>
  </si>
  <si>
    <t>EFETIVO + COMISSIONADO</t>
  </si>
  <si>
    <t>CAROLINA OLIVEIRA CAETANO</t>
  </si>
  <si>
    <t>CIBELE SANCHES MARQUES BRIGATO</t>
  </si>
  <si>
    <t>CIRILO GOMES FRAGA NETO</t>
  </si>
  <si>
    <t>CONSUELO PEREIRA DOS SANTOS</t>
  </si>
  <si>
    <t>ASSESSOR III</t>
  </si>
  <si>
    <t>CRISTIANE MOREIRA BIZERRA</t>
  </si>
  <si>
    <t>DIRETOR II</t>
  </si>
  <si>
    <t>SF</t>
  </si>
  <si>
    <t>CRISTINA PEREIRA DE MAGALHAES MACHADO</t>
  </si>
  <si>
    <t>DANIEL FAUSTINO DOS SANTOS</t>
  </si>
  <si>
    <t>ASSISTENTE DE SUPORTE OPERACIONAL NIVEL III</t>
  </si>
  <si>
    <t>DENISE DE VASCONCELLOS RODRIGUES</t>
  </si>
  <si>
    <t>ASSISTENTE ADMINISTRATIVO DE GESTAO NIVEL II</t>
  </si>
  <si>
    <t>DIEGO DE JESUS SERRANO</t>
  </si>
  <si>
    <t>DIVISAO DE GERENCIAMENTO DE PATRIMONIO DE FUNDOS</t>
  </si>
  <si>
    <t>DORALICE ALVES DA SILVA COPPI</t>
  </si>
  <si>
    <t>TCMSP</t>
  </si>
  <si>
    <t>DURVAL SIMOES ESTEVES</t>
  </si>
  <si>
    <t xml:space="preserve">CEDIDO </t>
  </si>
  <si>
    <t>EDNEI FOZ</t>
  </si>
  <si>
    <t>EMILIA YUMIKO MORIYA OLIVEIRA</t>
  </si>
  <si>
    <t>ENIO FRANCISCO ROSA</t>
  </si>
  <si>
    <t>ANALISTA ASSISTENCIA DESENVOLVIMENTO SOCIAL (NQ)NIVEL I</t>
  </si>
  <si>
    <t>DEPARTAMENTO DE BENEFICIOS</t>
  </si>
  <si>
    <t>FABIANA NUNES DE ALMEIDA</t>
  </si>
  <si>
    <t>FABIO GUAZZELLI</t>
  </si>
  <si>
    <t>GABINETE DA SUPERINTENDENCIA</t>
  </si>
  <si>
    <t>FABIO LUIZ VIEIRA DE SOUZA</t>
  </si>
  <si>
    <t>GRAZIELE CRISTINA OKAMOTO ALVES</t>
  </si>
  <si>
    <t>DIVISAO DE REVISAO E PERICIA</t>
  </si>
  <si>
    <t>GUSTAVO NUNES SOARES</t>
  </si>
  <si>
    <t>IKUKO KINOSHITA</t>
  </si>
  <si>
    <t>ASSESSOR IV</t>
  </si>
  <si>
    <t>JANDIRA NUNES DOS PRAZERES SILVA</t>
  </si>
  <si>
    <t>JOAO CARLOS CAMPANILLI FILHO</t>
  </si>
  <si>
    <t xml:space="preserve">DIRETOR II </t>
  </si>
  <si>
    <t>ASSESSOR I</t>
  </si>
  <si>
    <t>JOSE ANTONIO GUIMARAES</t>
  </si>
  <si>
    <t>ANALISTA PLANEJAMENTO DESENV ORGANIZACIONAL (NQ)NIVEL III</t>
  </si>
  <si>
    <t>JULIANA CRISTINA SILVA OLIVEIRA CANATELLI</t>
  </si>
  <si>
    <t>KLEBER DE SOUZA YAMAKADO</t>
  </si>
  <si>
    <t>KELLY CRISTINA NEVES FELICIO</t>
  </si>
  <si>
    <t>DEPARTAMENTO DE TECNOLOGIA DA INFORMACAO</t>
  </si>
  <si>
    <t>LARISSA LEME BATISTA</t>
  </si>
  <si>
    <t>LUCAS VINICIUS MORENO DA SILVA</t>
  </si>
  <si>
    <t>LUCAS ALVES GOUVEIA</t>
  </si>
  <si>
    <t>DIVISAO DE GESTAO DA BASE CADASTRAL</t>
  </si>
  <si>
    <t>LUIZ SINOPOLI</t>
  </si>
  <si>
    <t>ANALISTA PLANEJAMENTO DESENV ORGANIZACIONAL (NQ)</t>
  </si>
  <si>
    <t>EFETIVO/ADMITIDO</t>
  </si>
  <si>
    <t>MARCELO ALVES DOS SANTOS</t>
  </si>
  <si>
    <t>DEPARTAMENTO RECEITAS E FOLHA PAGAMENTO BENEFICIOS</t>
  </si>
  <si>
    <t>MARCELO PIERANTOZZI GONCALVES</t>
  </si>
  <si>
    <t>REQUISITADO</t>
  </si>
  <si>
    <t>MARCIA REGINA UNGARETTE</t>
  </si>
  <si>
    <t>SUPERINTENDENTE</t>
  </si>
  <si>
    <t>MARCO SASAKI</t>
  </si>
  <si>
    <t>MARIA BERNADETE DE OLIVEIRA FURTADO FINCATTI</t>
  </si>
  <si>
    <t>MARIA CHRISTINA COSENTINO</t>
  </si>
  <si>
    <t>DIVISAO DE RELACIONAMENTO INSTITUCIONAL</t>
  </si>
  <si>
    <t>MARIA LENALDA DOS SANTOS SILVA</t>
  </si>
  <si>
    <t>MARINA SIMOES DE OLIVEIRA</t>
  </si>
  <si>
    <t>CHEFE DE NUCLEO I</t>
  </si>
  <si>
    <t>NUCLEO DE COMUNICACAO E MIDIAS SOCIAIS</t>
  </si>
  <si>
    <t>MELANY DE OLIVEIRA</t>
  </si>
  <si>
    <t>NEUZA MARIA CONCEICAO PIMENTEL SANTANA</t>
  </si>
  <si>
    <t>PATRICIA SAYURI SAKAMOTO MASSUDA</t>
  </si>
  <si>
    <t>PRISCILA SANTANA GONSALVES DA FONSECA</t>
  </si>
  <si>
    <t>SVMA</t>
  </si>
  <si>
    <t>RENATA MIRANDA NEUMANN</t>
  </si>
  <si>
    <t>RENATO PINCOVAI</t>
  </si>
  <si>
    <t>ASSESSOR V</t>
  </si>
  <si>
    <t>RICARDO QUILLES DE OLIVEIRA</t>
  </si>
  <si>
    <t>RONALDO PERES</t>
  </si>
  <si>
    <t>ROSA LUCIA DOMINGUES FERREIRA</t>
  </si>
  <si>
    <t>ROSELY SUMIE TARUMA</t>
  </si>
  <si>
    <t>ROSISTER FATIMA VAZ OLIVEIRA</t>
  </si>
  <si>
    <t>SANDRO TEIXEIRA DE OLIVEIRA</t>
  </si>
  <si>
    <t>DEPARTAMENTO DA TECNOLOGIA DA INFORMAÇÃO</t>
  </si>
  <si>
    <t>SERGIO LUIZ DOS SANTOS</t>
  </si>
  <si>
    <t>SILVIA MORETTI</t>
  </si>
  <si>
    <t>CHEFE DE ASSESSORIA II</t>
  </si>
  <si>
    <t>SILVANA SILVERIO BARBOSA CALLEFI</t>
  </si>
  <si>
    <t>DIVISAO PLANEJAMENTO, PROC E INDIC PREVIDENCIARIOS</t>
  </si>
  <si>
    <t>SIMONE APARECIDA GONÇALVES</t>
  </si>
  <si>
    <t>NUCLEO DE ADMINISTRACAO</t>
  </si>
  <si>
    <t>SUZANNE CORREIA MANNO MALTA</t>
  </si>
  <si>
    <t>TALITHA BARRETO DE MATOS SILVA MAROTA</t>
  </si>
  <si>
    <t>TÂNIA CRISTINA DE OLIVEIRA</t>
  </si>
  <si>
    <t>TATIANA BARTHOLOMASI RAMOS MARIA</t>
  </si>
  <si>
    <t>THAIS ALVES SOUSA</t>
  </si>
  <si>
    <t>THAUANE PINHEIRO DOS SANTOS</t>
  </si>
  <si>
    <t>TIHIRO KAWAKAMI</t>
  </si>
  <si>
    <t>VALERIA APARECIDA CATOSSI MADEIRA</t>
  </si>
  <si>
    <t>VANESSA DE OLIVEIRA CARMONA NOVAIS</t>
  </si>
  <si>
    <t>VANESSA SILVEIRA PAULINO</t>
  </si>
  <si>
    <t>VITOR HUGO MONTEIRO GENU</t>
  </si>
  <si>
    <t>WAGNER DE ALMEIDA GIMENEZ</t>
  </si>
  <si>
    <t>DIVISAO DE GOVERNANCA DOS INVESTIMENTOS</t>
  </si>
  <si>
    <t>ZILDA APARECIDA PETRUCCI</t>
  </si>
  <si>
    <t xml:space="preserve">ESTAGIÁRIOS </t>
  </si>
  <si>
    <t>UNIDADE QUE EXERCE O CARGO ( Departamento/Divisão )</t>
  </si>
  <si>
    <t>ANA BEATRIZ DA SILVA NEVES</t>
  </si>
  <si>
    <t>DIVISÃO DE PENSÃO</t>
  </si>
  <si>
    <t>BEATRIZ GARCIA MANSOLELLI</t>
  </si>
  <si>
    <t>DEPARTAMENTO DE RECEITAS</t>
  </si>
  <si>
    <t xml:space="preserve">FOLHA </t>
  </si>
  <si>
    <t>ESTAGIARIO</t>
  </si>
  <si>
    <t>FERNANDA YUKIMI ROSÁRIO KAIEDA</t>
  </si>
  <si>
    <t>GIOVANNI SOARES VERCELLINO</t>
  </si>
  <si>
    <t xml:space="preserve">DIVISÃO DE ARRECADAÇÃO </t>
  </si>
  <si>
    <t>GUILHERME ALVES BELEM</t>
  </si>
  <si>
    <t>DIVISÃO DE BASE CADASTRAL</t>
  </si>
  <si>
    <t>DEPARTAMENTO TECNICO DE INFORMAÇÃO</t>
  </si>
  <si>
    <t>MARIA CLAUDIA RIBEIRO RODRIGUES DA SILVA</t>
  </si>
  <si>
    <t>MIGUEL DIAS SOLIVA DOS SANTOS</t>
  </si>
  <si>
    <t xml:space="preserve">ATENDIMENTO </t>
  </si>
  <si>
    <t>FABIO DA SILVA CUNHA</t>
  </si>
  <si>
    <t>CLARA MORAES DE CAMARGO SILVA</t>
  </si>
  <si>
    <t>CAMILA CALDAS GALANTE</t>
  </si>
  <si>
    <t xml:space="preserve">MARIA ELIANE AZEVEDO LUCAS </t>
  </si>
  <si>
    <t>AUANE PIRES DE SANTANA</t>
  </si>
  <si>
    <t>BRENO VINICIUS DE LUCENA SILVA</t>
  </si>
  <si>
    <t>BRUNA SIMON GIACOMIN</t>
  </si>
  <si>
    <t>CRISTIANO DOMINGOS MOREIRA</t>
  </si>
  <si>
    <t>DANIEL TAMOTSU DOS SANTOS</t>
  </si>
  <si>
    <t>DANIELLE FAQUINI BRAGA</t>
  </si>
  <si>
    <t>DEBORA OLIVEIRA RIGO</t>
  </si>
  <si>
    <t>EDUARDO FELIX</t>
  </si>
  <si>
    <t>ENEIDE MARIA CESAR DIAS</t>
  </si>
  <si>
    <t>FABIO TEODOSIO DA SILVA</t>
  </si>
  <si>
    <t>GIOVANNI POLUBOIARINOV ORLANDI</t>
  </si>
  <si>
    <t>GUSTAVO HENRIQUE SOUSA DE OLIVEIRA</t>
  </si>
  <si>
    <t>LARISSA MOREIRA ZOTTIS</t>
  </si>
  <si>
    <t>LILIAN MENDES CHAVES NIEBUHR</t>
  </si>
  <si>
    <t>MONICA GICELE SOARES DA SILVA</t>
  </si>
  <si>
    <t>PERICLES APARECIDO ROCHA SILVESTRE</t>
  </si>
  <si>
    <t>RAFAEL SANTOS MARQUES DA SILVA</t>
  </si>
  <si>
    <t>RAVIC DE MORAIS MATHIAS</t>
  </si>
  <si>
    <t>THIAGO BARBOSA MANHAES</t>
  </si>
  <si>
    <t>THIAGO LIMA DO NASCIMENTO PIRES</t>
  </si>
  <si>
    <t xml:space="preserve">DIVISÃO DE FOLHA DE PAGAMENTO DE BENEFÍCIOS </t>
  </si>
  <si>
    <t xml:space="preserve">ASSESSORIA TECNICA PREVIDENCIÁRIA </t>
  </si>
  <si>
    <t xml:space="preserve">DIVISÃO DE APOSENTADORIA </t>
  </si>
  <si>
    <t>GABRIELA SOUZA HEINEN</t>
  </si>
  <si>
    <t xml:space="preserve">JULIANA UCHOA DOS SANTOS </t>
  </si>
  <si>
    <t>ASSISTENTE ADMINISTRATIVO DE GESTÃO NIVEL II</t>
  </si>
  <si>
    <t xml:space="preserve">DIVISÃO DE PENSÃO </t>
  </si>
  <si>
    <t>DIVISAO DE COMPENSACAO PREVIDENCIARIA</t>
  </si>
  <si>
    <t xml:space="preserve">DIVISÃO DE GESTÃO ADMINISTRATIVA </t>
  </si>
  <si>
    <t>NÚCLEO DE LICITAÇÃO E GESTÃO DE CONTRATOS</t>
  </si>
  <si>
    <t xml:space="preserve">ANALISTA DE PREVIDENCIA NIVEL I </t>
  </si>
  <si>
    <t>SEGES</t>
  </si>
  <si>
    <t>VINICIUS DOMINGOS DE MOURA SCAGLIUSI</t>
  </si>
  <si>
    <t xml:space="preserve">ENRICO LANDUCCI ZANELATTO SIMÃO </t>
  </si>
  <si>
    <t>BEATRIZ SILVA NASCIMENTO GOMES</t>
  </si>
  <si>
    <t>ORGÃO DE ORIGEM</t>
  </si>
  <si>
    <t>PROFISSIONAL ENG, ARQ, AGRONOMIA, GEOLOGIA NIVEL IV / ASSESSOR II</t>
  </si>
  <si>
    <t>NÚCLEO DE GESTÃO DE PESSOAS</t>
  </si>
  <si>
    <t>ASSISTENTE ADMINISTRATIVO DE GESTÃO NIVEL II / ASSESSOR I</t>
  </si>
  <si>
    <t>ANALISTA DE PREVIDENCIA NIVEL I  / DIRETOR I</t>
  </si>
  <si>
    <t>ASSISTENTE ADMINISTRATIVO DE GESTAO NIVEL II / ASSESSOR I</t>
  </si>
  <si>
    <t>ASSISTENTE ADMINISTRATIVO DE GESTAO NIVEL I / DIRETOR I</t>
  </si>
  <si>
    <t>ASSISTENTE ADMINISTRATIVO DE GESTÃO NIVEL I / COORDENADOR II</t>
  </si>
  <si>
    <t>ANALISTA PLANEJAMENTO DESENV ORGANIZACIONAL (NQ)NIVEL III / ASSESSOR II</t>
  </si>
  <si>
    <t>ASSISTENTE ADMINISTRATIVO DE GESTÃO NIVEL II / DIRETOR I</t>
  </si>
  <si>
    <t>ANALISTA ASSISTENCIA DESENVOLVIMENTO SOCIAL (NQ)NIVEL I / CHEFE DE EQUIPE I</t>
  </si>
  <si>
    <t>ASSISTENTE ADMINISTRATIVO DE GESTÃO NIVEL I / ASSESSOR I</t>
  </si>
  <si>
    <t>ASSISTENTE ADMINISTRATIVO DE GESTÃO NIVEL II / ASSESSOR II</t>
  </si>
  <si>
    <t>ASSISTENTE ADMINISTRATIVO DE GESTÃO NIVEL I / ASSESSOR II</t>
  </si>
  <si>
    <t>ANALISTA PLANEJAMENTO DESENV ORGANIZACIONAL NIVEL IV / COORDENADOR II</t>
  </si>
  <si>
    <t>ANDREY VITAL TEODORO</t>
  </si>
  <si>
    <t>ANALISTA DE PREVIDENCIA NIVEL I / DIRETOR I</t>
  </si>
  <si>
    <t>LIVIA YUMI TAKAYASSU DELATORRE</t>
  </si>
  <si>
    <t>ANALISTA PLANEJAMENTO DESENV ORGANIZACIONAL (NQ)NIVEL IV / DIRETOR II</t>
  </si>
  <si>
    <t>ANALISTA DE PREVIDENCIA NIVEL I / ASSESSOR III</t>
  </si>
  <si>
    <t>SUZANE LOPES SOUZA</t>
  </si>
  <si>
    <t>FELIPE DO NASCIMENTO</t>
  </si>
  <si>
    <t xml:space="preserve">ISADORA LIMA CALUMBY RAMOS </t>
  </si>
  <si>
    <t>GIOVANA RODRIGUES DO NASCIMEN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b/>
      <sz val="10"/>
      <color theme="1"/>
      <name val="Arial"/>
      <family val="2"/>
    </font>
    <font>
      <sz val="8"/>
      <color rgb="FF000000"/>
      <name val="Arial"/>
      <family val="2"/>
    </font>
    <font>
      <sz val="14"/>
      <color rgb="FF000000"/>
      <name val="Arial"/>
      <family val="2"/>
    </font>
    <font>
      <sz val="8"/>
      <color theme="1"/>
      <name val="Arial"/>
      <family val="2"/>
    </font>
    <font>
      <sz val="8"/>
      <color rgb="FF000000"/>
      <name val="Arial"/>
    </font>
    <font>
      <sz val="8"/>
      <color theme="1"/>
      <name val="Arial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rgb="FF000000"/>
      </top>
      <bottom/>
      <diagonal/>
    </border>
    <border>
      <left style="thin">
        <color indexed="64"/>
      </left>
      <right/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</borders>
  <cellStyleXfs count="1">
    <xf numFmtId="0" fontId="0" fillId="0" borderId="0"/>
  </cellStyleXfs>
  <cellXfs count="71">
    <xf numFmtId="0" fontId="0" fillId="0" borderId="0" xfId="0"/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1" fillId="0" borderId="5" xfId="0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3" fillId="3" borderId="0" xfId="0" applyFont="1" applyFill="1"/>
    <xf numFmtId="0" fontId="3" fillId="0" borderId="0" xfId="0" applyFont="1"/>
    <xf numFmtId="0" fontId="2" fillId="0" borderId="0" xfId="0" applyFont="1" applyAlignment="1">
      <alignment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 wrapText="1"/>
    </xf>
    <xf numFmtId="0" fontId="5" fillId="0" borderId="0" xfId="0" applyFont="1" applyAlignment="1">
      <alignment vertical="top" wrapText="1"/>
    </xf>
    <xf numFmtId="0" fontId="7" fillId="0" borderId="0" xfId="0" applyFont="1"/>
    <xf numFmtId="0" fontId="4" fillId="3" borderId="0" xfId="0" applyFont="1" applyFill="1" applyAlignment="1">
      <alignment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3" fillId="0" borderId="4" xfId="0" applyFont="1" applyBorder="1" applyAlignment="1">
      <alignment horizontal="left" vertical="center"/>
    </xf>
    <xf numFmtId="0" fontId="5" fillId="0" borderId="3" xfId="0" applyFont="1" applyBorder="1"/>
    <xf numFmtId="0" fontId="7" fillId="0" borderId="5" xfId="0" applyFont="1" applyBorder="1" applyAlignment="1">
      <alignment horizontal="center" vertical="center"/>
    </xf>
    <xf numFmtId="0" fontId="5" fillId="0" borderId="0" xfId="0" applyFont="1" applyAlignment="1">
      <alignment horizontal="center" vertical="top" wrapText="1"/>
    </xf>
    <xf numFmtId="0" fontId="3" fillId="0" borderId="5" xfId="0" applyFont="1" applyBorder="1"/>
    <xf numFmtId="0" fontId="3" fillId="0" borderId="8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left"/>
    </xf>
    <xf numFmtId="0" fontId="2" fillId="2" borderId="3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4" fillId="3" borderId="5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/>
    </xf>
    <xf numFmtId="0" fontId="3" fillId="0" borderId="6" xfId="0" applyFont="1" applyFill="1" applyBorder="1"/>
    <xf numFmtId="0" fontId="3" fillId="0" borderId="5" xfId="0" applyFont="1" applyFill="1" applyBorder="1"/>
    <xf numFmtId="0" fontId="3" fillId="0" borderId="8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0" fillId="0" borderId="0" xfId="0" applyFill="1"/>
    <xf numFmtId="0" fontId="3" fillId="0" borderId="7" xfId="0" applyFont="1" applyFill="1" applyBorder="1"/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/>
    </xf>
    <xf numFmtId="0" fontId="3" fillId="0" borderId="9" xfId="0" applyFont="1" applyFill="1" applyBorder="1"/>
    <xf numFmtId="0" fontId="3" fillId="0" borderId="16" xfId="0" applyFont="1" applyFill="1" applyBorder="1"/>
    <xf numFmtId="0" fontId="3" fillId="0" borderId="7" xfId="0" applyFont="1" applyFill="1" applyBorder="1" applyAlignment="1">
      <alignment horizontal="left"/>
    </xf>
    <xf numFmtId="0" fontId="3" fillId="0" borderId="5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left" vertical="center"/>
    </xf>
    <xf numFmtId="0" fontId="6" fillId="0" borderId="7" xfId="0" applyFont="1" applyFill="1" applyBorder="1"/>
    <xf numFmtId="0" fontId="5" fillId="0" borderId="10" xfId="0" applyFont="1" applyFill="1" applyBorder="1" applyAlignment="1">
      <alignment horizontal="left" vertical="center"/>
    </xf>
    <xf numFmtId="0" fontId="3" fillId="0" borderId="10" xfId="0" applyFont="1" applyFill="1" applyBorder="1"/>
    <xf numFmtId="0" fontId="3" fillId="0" borderId="6" xfId="0" applyFont="1" applyFill="1" applyBorder="1" applyAlignment="1">
      <alignment horizontal="center" vertical="center"/>
    </xf>
    <xf numFmtId="0" fontId="3" fillId="0" borderId="11" xfId="0" applyFont="1" applyFill="1" applyBorder="1"/>
    <xf numFmtId="0" fontId="3" fillId="0" borderId="12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3" xfId="0" applyFont="1" applyFill="1" applyBorder="1"/>
    <xf numFmtId="0" fontId="3" fillId="0" borderId="5" xfId="0" applyFont="1" applyFill="1" applyBorder="1" applyAlignment="1">
      <alignment horizontal="center" vertical="center"/>
    </xf>
    <xf numFmtId="0" fontId="3" fillId="0" borderId="17" xfId="0" applyFont="1" applyFill="1" applyBorder="1"/>
    <xf numFmtId="0" fontId="5" fillId="0" borderId="16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/>
    </xf>
    <xf numFmtId="0" fontId="3" fillId="0" borderId="5" xfId="0" applyFont="1" applyFill="1" applyBorder="1" applyAlignment="1">
      <alignment horizontal="left"/>
    </xf>
    <xf numFmtId="0" fontId="3" fillId="0" borderId="18" xfId="0" applyFont="1" applyFill="1" applyBorder="1"/>
    <xf numFmtId="0" fontId="3" fillId="0" borderId="18" xfId="0" applyFont="1" applyFill="1" applyBorder="1" applyAlignment="1">
      <alignment horizontal="left"/>
    </xf>
    <xf numFmtId="0" fontId="3" fillId="0" borderId="4" xfId="0" applyFont="1" applyFill="1" applyBorder="1" applyAlignment="1">
      <alignment horizontal="left" vertical="center"/>
    </xf>
    <xf numFmtId="0" fontId="5" fillId="0" borderId="3" xfId="0" applyFont="1" applyFill="1" applyBorder="1"/>
    <xf numFmtId="0" fontId="7" fillId="0" borderId="5" xfId="0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top" wrapText="1"/>
    </xf>
    <xf numFmtId="0" fontId="5" fillId="0" borderId="0" xfId="0" applyFont="1" applyFill="1" applyAlignment="1">
      <alignment vertical="top" wrapText="1"/>
    </xf>
    <xf numFmtId="0" fontId="7" fillId="0" borderId="3" xfId="0" applyFont="1" applyFill="1" applyBorder="1"/>
    <xf numFmtId="0" fontId="5" fillId="0" borderId="4" xfId="0" applyFont="1" applyFill="1" applyBorder="1"/>
    <xf numFmtId="0" fontId="3" fillId="0" borderId="3" xfId="0" applyFont="1" applyFill="1" applyBorder="1" applyAlignment="1">
      <alignment vertical="center"/>
    </xf>
    <xf numFmtId="0" fontId="3" fillId="0" borderId="19" xfId="0" applyFont="1" applyFill="1" applyBorder="1" applyAlignment="1">
      <alignment horizontal="left" vertical="center"/>
    </xf>
    <xf numFmtId="0" fontId="5" fillId="0" borderId="12" xfId="0" applyFont="1" applyFill="1" applyBorder="1"/>
    <xf numFmtId="0" fontId="3" fillId="0" borderId="5" xfId="0" applyFont="1" applyFill="1" applyBorder="1" applyAlignment="1">
      <alignment horizontal="left" vertical="center"/>
    </xf>
    <xf numFmtId="0" fontId="5" fillId="0" borderId="5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94DB1C-0254-443F-B265-EC762AC4AA6E}">
  <sheetPr>
    <pageSetUpPr fitToPage="1"/>
  </sheetPr>
  <dimension ref="A1:G127"/>
  <sheetViews>
    <sheetView showGridLines="0" tabSelected="1" zoomScaleNormal="100" workbookViewId="0">
      <selection activeCell="C131" sqref="C131"/>
    </sheetView>
  </sheetViews>
  <sheetFormatPr defaultRowHeight="14.5" x14ac:dyDescent="0.35"/>
  <cols>
    <col min="1" max="1" width="5.54296875" customWidth="1"/>
    <col min="2" max="2" width="42.7265625" customWidth="1"/>
    <col min="3" max="3" width="62.6328125" customWidth="1"/>
    <col min="4" max="4" width="59.6328125" customWidth="1"/>
    <col min="5" max="5" width="32.08984375" customWidth="1"/>
    <col min="6" max="6" width="15.26953125" customWidth="1"/>
    <col min="7" max="7" width="17.90625" customWidth="1"/>
  </cols>
  <sheetData>
    <row r="1" spans="1:7" ht="32.5" customHeight="1" x14ac:dyDescent="0.35">
      <c r="B1" s="1" t="s">
        <v>0</v>
      </c>
      <c r="C1" s="1" t="s">
        <v>1</v>
      </c>
      <c r="D1" s="2" t="s">
        <v>2</v>
      </c>
      <c r="E1" s="3" t="s">
        <v>3</v>
      </c>
      <c r="F1" s="25" t="s">
        <v>185</v>
      </c>
      <c r="G1" s="26"/>
    </row>
    <row r="2" spans="1:7" s="34" customFormat="1" x14ac:dyDescent="0.35">
      <c r="A2" s="28">
        <v>1</v>
      </c>
      <c r="B2" s="29" t="s">
        <v>4</v>
      </c>
      <c r="C2" s="30" t="s">
        <v>5</v>
      </c>
      <c r="D2" s="30" t="s">
        <v>6</v>
      </c>
      <c r="E2" s="31" t="s">
        <v>12</v>
      </c>
      <c r="F2" s="32"/>
      <c r="G2" s="33"/>
    </row>
    <row r="3" spans="1:7" s="34" customFormat="1" x14ac:dyDescent="0.35">
      <c r="A3" s="28">
        <v>2</v>
      </c>
      <c r="B3" s="29" t="s">
        <v>7</v>
      </c>
      <c r="C3" s="30" t="s">
        <v>8</v>
      </c>
      <c r="D3" s="30" t="s">
        <v>9</v>
      </c>
      <c r="E3" s="31" t="s">
        <v>10</v>
      </c>
      <c r="F3" s="32"/>
      <c r="G3" s="33"/>
    </row>
    <row r="4" spans="1:7" s="34" customFormat="1" x14ac:dyDescent="0.35">
      <c r="A4" s="28">
        <v>3</v>
      </c>
      <c r="B4" s="29" t="s">
        <v>13</v>
      </c>
      <c r="C4" s="30" t="s">
        <v>14</v>
      </c>
      <c r="D4" s="30" t="s">
        <v>139</v>
      </c>
      <c r="E4" s="31" t="s">
        <v>12</v>
      </c>
      <c r="F4" s="32"/>
      <c r="G4" s="33"/>
    </row>
    <row r="5" spans="1:7" s="34" customFormat="1" x14ac:dyDescent="0.35">
      <c r="A5" s="28">
        <v>4</v>
      </c>
      <c r="B5" s="29" t="s">
        <v>16</v>
      </c>
      <c r="C5" s="30" t="s">
        <v>8</v>
      </c>
      <c r="D5" s="35" t="s">
        <v>187</v>
      </c>
      <c r="E5" s="31" t="s">
        <v>10</v>
      </c>
      <c r="F5" s="32" t="s">
        <v>17</v>
      </c>
      <c r="G5" s="33" t="s">
        <v>47</v>
      </c>
    </row>
    <row r="6" spans="1:7" s="34" customFormat="1" x14ac:dyDescent="0.35">
      <c r="A6" s="28">
        <v>5</v>
      </c>
      <c r="B6" s="29" t="s">
        <v>18</v>
      </c>
      <c r="C6" s="30" t="s">
        <v>14</v>
      </c>
      <c r="D6" s="30" t="s">
        <v>172</v>
      </c>
      <c r="E6" s="31" t="s">
        <v>28</v>
      </c>
      <c r="F6" s="33" t="s">
        <v>20</v>
      </c>
      <c r="G6" s="33" t="s">
        <v>82</v>
      </c>
    </row>
    <row r="7" spans="1:7" s="34" customFormat="1" x14ac:dyDescent="0.35">
      <c r="A7" s="28">
        <v>6</v>
      </c>
      <c r="B7" s="29" t="s">
        <v>21</v>
      </c>
      <c r="C7" s="36" t="s">
        <v>189</v>
      </c>
      <c r="D7" s="30" t="s">
        <v>22</v>
      </c>
      <c r="E7" s="31" t="s">
        <v>28</v>
      </c>
      <c r="F7" s="32"/>
      <c r="G7" s="33"/>
    </row>
    <row r="8" spans="1:7" s="34" customFormat="1" x14ac:dyDescent="0.35">
      <c r="A8" s="28">
        <v>7</v>
      </c>
      <c r="B8" s="37" t="s">
        <v>150</v>
      </c>
      <c r="C8" s="36" t="s">
        <v>180</v>
      </c>
      <c r="D8" s="38" t="s">
        <v>170</v>
      </c>
      <c r="E8" s="31" t="s">
        <v>10</v>
      </c>
      <c r="F8" s="32"/>
      <c r="G8" s="33"/>
    </row>
    <row r="9" spans="1:7" s="34" customFormat="1" x14ac:dyDescent="0.35">
      <c r="A9" s="28">
        <v>8</v>
      </c>
      <c r="B9" s="37" t="s">
        <v>200</v>
      </c>
      <c r="C9" s="36" t="s">
        <v>11</v>
      </c>
      <c r="D9" s="30" t="s">
        <v>178</v>
      </c>
      <c r="E9" s="31" t="s">
        <v>12</v>
      </c>
      <c r="F9" s="32"/>
      <c r="G9" s="33"/>
    </row>
    <row r="10" spans="1:7" s="34" customFormat="1" x14ac:dyDescent="0.35">
      <c r="A10" s="28">
        <v>9</v>
      </c>
      <c r="B10" s="37" t="s">
        <v>151</v>
      </c>
      <c r="C10" s="36" t="s">
        <v>180</v>
      </c>
      <c r="D10" s="35" t="s">
        <v>75</v>
      </c>
      <c r="E10" s="31" t="s">
        <v>10</v>
      </c>
      <c r="F10" s="32"/>
      <c r="G10" s="33"/>
    </row>
    <row r="11" spans="1:7" s="34" customFormat="1" x14ac:dyDescent="0.35">
      <c r="A11" s="28">
        <v>10</v>
      </c>
      <c r="B11" s="37" t="s">
        <v>152</v>
      </c>
      <c r="C11" s="36" t="s">
        <v>180</v>
      </c>
      <c r="D11" s="30" t="s">
        <v>172</v>
      </c>
      <c r="E11" s="31" t="s">
        <v>10</v>
      </c>
      <c r="F11" s="32"/>
      <c r="G11" s="33"/>
    </row>
    <row r="12" spans="1:7" s="34" customFormat="1" x14ac:dyDescent="0.35">
      <c r="A12" s="28">
        <v>11</v>
      </c>
      <c r="B12" s="29" t="s">
        <v>23</v>
      </c>
      <c r="C12" s="30" t="s">
        <v>24</v>
      </c>
      <c r="D12" s="30" t="s">
        <v>25</v>
      </c>
      <c r="E12" s="31" t="s">
        <v>10</v>
      </c>
      <c r="F12" s="32"/>
      <c r="G12" s="33"/>
    </row>
    <row r="13" spans="1:7" s="34" customFormat="1" x14ac:dyDescent="0.35">
      <c r="A13" s="28">
        <v>12</v>
      </c>
      <c r="B13" s="29" t="s">
        <v>26</v>
      </c>
      <c r="C13" s="30" t="s">
        <v>11</v>
      </c>
      <c r="D13" s="30" t="s">
        <v>172</v>
      </c>
      <c r="E13" s="31" t="s">
        <v>12</v>
      </c>
      <c r="F13" s="32"/>
      <c r="G13" s="33"/>
    </row>
    <row r="14" spans="1:7" s="34" customFormat="1" x14ac:dyDescent="0.35">
      <c r="A14" s="28">
        <v>13</v>
      </c>
      <c r="B14" s="29" t="s">
        <v>27</v>
      </c>
      <c r="C14" s="30" t="s">
        <v>186</v>
      </c>
      <c r="D14" s="30" t="s">
        <v>178</v>
      </c>
      <c r="E14" s="31" t="s">
        <v>28</v>
      </c>
      <c r="F14" s="32"/>
      <c r="G14" s="33"/>
    </row>
    <row r="15" spans="1:7" s="34" customFormat="1" x14ac:dyDescent="0.35">
      <c r="A15" s="28">
        <v>14</v>
      </c>
      <c r="B15" s="29" t="s">
        <v>29</v>
      </c>
      <c r="C15" s="30" t="s">
        <v>33</v>
      </c>
      <c r="D15" s="30" t="s">
        <v>178</v>
      </c>
      <c r="E15" s="31" t="s">
        <v>12</v>
      </c>
      <c r="F15" s="32"/>
      <c r="G15" s="33"/>
    </row>
    <row r="16" spans="1:7" s="34" customFormat="1" x14ac:dyDescent="0.35">
      <c r="A16" s="28">
        <v>15</v>
      </c>
      <c r="B16" s="29" t="s">
        <v>30</v>
      </c>
      <c r="C16" s="39" t="s">
        <v>8</v>
      </c>
      <c r="D16" s="40" t="s">
        <v>9</v>
      </c>
      <c r="E16" s="31" t="s">
        <v>10</v>
      </c>
      <c r="F16" s="32"/>
      <c r="G16" s="33"/>
    </row>
    <row r="17" spans="1:7" s="34" customFormat="1" x14ac:dyDescent="0.35">
      <c r="A17" s="28">
        <v>16</v>
      </c>
      <c r="B17" s="29" t="s">
        <v>31</v>
      </c>
      <c r="C17" s="39" t="s">
        <v>67</v>
      </c>
      <c r="D17" s="35" t="s">
        <v>9</v>
      </c>
      <c r="E17" s="31" t="s">
        <v>10</v>
      </c>
      <c r="F17" s="32"/>
      <c r="G17" s="33"/>
    </row>
    <row r="18" spans="1:7" s="34" customFormat="1" x14ac:dyDescent="0.35">
      <c r="A18" s="28">
        <v>17</v>
      </c>
      <c r="B18" s="29" t="s">
        <v>32</v>
      </c>
      <c r="C18" s="39" t="s">
        <v>33</v>
      </c>
      <c r="D18" s="35" t="s">
        <v>22</v>
      </c>
      <c r="E18" s="31" t="s">
        <v>12</v>
      </c>
      <c r="F18" s="32"/>
      <c r="G18" s="33"/>
    </row>
    <row r="19" spans="1:7" s="34" customFormat="1" x14ac:dyDescent="0.35">
      <c r="A19" s="28">
        <v>18</v>
      </c>
      <c r="B19" s="29" t="s">
        <v>34</v>
      </c>
      <c r="C19" s="39" t="s">
        <v>14</v>
      </c>
      <c r="D19" s="35" t="s">
        <v>25</v>
      </c>
      <c r="E19" s="31" t="s">
        <v>28</v>
      </c>
      <c r="F19" s="32" t="s">
        <v>36</v>
      </c>
      <c r="G19" s="33" t="s">
        <v>82</v>
      </c>
    </row>
    <row r="20" spans="1:7" s="34" customFormat="1" x14ac:dyDescent="0.35">
      <c r="A20" s="28">
        <v>19</v>
      </c>
      <c r="B20" s="37" t="s">
        <v>153</v>
      </c>
      <c r="C20" s="36" t="s">
        <v>180</v>
      </c>
      <c r="D20" s="38" t="s">
        <v>170</v>
      </c>
      <c r="E20" s="31" t="s">
        <v>10</v>
      </c>
      <c r="F20" s="32"/>
      <c r="G20" s="33"/>
    </row>
    <row r="21" spans="1:7" s="34" customFormat="1" x14ac:dyDescent="0.35">
      <c r="A21" s="28">
        <v>20</v>
      </c>
      <c r="B21" s="29" t="s">
        <v>37</v>
      </c>
      <c r="C21" s="39" t="s">
        <v>24</v>
      </c>
      <c r="D21" s="41" t="s">
        <v>176</v>
      </c>
      <c r="E21" s="31" t="s">
        <v>10</v>
      </c>
      <c r="F21" s="32"/>
      <c r="G21" s="33"/>
    </row>
    <row r="22" spans="1:7" s="34" customFormat="1" x14ac:dyDescent="0.35">
      <c r="A22" s="28">
        <v>21</v>
      </c>
      <c r="B22" s="29" t="s">
        <v>38</v>
      </c>
      <c r="C22" s="39" t="s">
        <v>39</v>
      </c>
      <c r="D22" s="38" t="s">
        <v>170</v>
      </c>
      <c r="E22" s="31" t="s">
        <v>10</v>
      </c>
      <c r="F22" s="32"/>
      <c r="G22" s="33"/>
    </row>
    <row r="23" spans="1:7" s="34" customFormat="1" x14ac:dyDescent="0.35">
      <c r="A23" s="28">
        <v>22</v>
      </c>
      <c r="B23" s="37" t="s">
        <v>154</v>
      </c>
      <c r="C23" s="36" t="s">
        <v>180</v>
      </c>
      <c r="D23" s="30" t="s">
        <v>172</v>
      </c>
      <c r="E23" s="31" t="s">
        <v>10</v>
      </c>
      <c r="F23" s="32"/>
      <c r="G23" s="33"/>
    </row>
    <row r="24" spans="1:7" s="34" customFormat="1" x14ac:dyDescent="0.35">
      <c r="A24" s="28">
        <v>23</v>
      </c>
      <c r="B24" s="37" t="s">
        <v>155</v>
      </c>
      <c r="C24" s="36" t="s">
        <v>180</v>
      </c>
      <c r="D24" s="30" t="s">
        <v>139</v>
      </c>
      <c r="E24" s="31" t="s">
        <v>10</v>
      </c>
      <c r="F24" s="32"/>
      <c r="G24" s="33"/>
    </row>
    <row r="25" spans="1:7" s="34" customFormat="1" x14ac:dyDescent="0.35">
      <c r="A25" s="28">
        <v>24</v>
      </c>
      <c r="B25" s="37" t="s">
        <v>156</v>
      </c>
      <c r="C25" s="36" t="s">
        <v>180</v>
      </c>
      <c r="D25" s="30" t="s">
        <v>139</v>
      </c>
      <c r="E25" s="31" t="s">
        <v>10</v>
      </c>
      <c r="F25" s="32"/>
      <c r="G25" s="33"/>
    </row>
    <row r="26" spans="1:7" s="34" customFormat="1" x14ac:dyDescent="0.35">
      <c r="A26" s="28">
        <v>25</v>
      </c>
      <c r="B26" s="29" t="s">
        <v>40</v>
      </c>
      <c r="C26" s="39" t="s">
        <v>190</v>
      </c>
      <c r="D26" s="38" t="s">
        <v>170</v>
      </c>
      <c r="E26" s="31" t="s">
        <v>28</v>
      </c>
      <c r="F26" s="32"/>
      <c r="G26" s="33"/>
    </row>
    <row r="27" spans="1:7" s="34" customFormat="1" x14ac:dyDescent="0.35">
      <c r="A27" s="28">
        <v>26</v>
      </c>
      <c r="B27" s="29" t="s">
        <v>42</v>
      </c>
      <c r="C27" s="39" t="s">
        <v>191</v>
      </c>
      <c r="D27" s="35" t="s">
        <v>43</v>
      </c>
      <c r="E27" s="31" t="s">
        <v>28</v>
      </c>
      <c r="F27" s="32"/>
      <c r="G27" s="33"/>
    </row>
    <row r="28" spans="1:7" s="34" customFormat="1" x14ac:dyDescent="0.35">
      <c r="A28" s="28">
        <v>27</v>
      </c>
      <c r="B28" s="29" t="s">
        <v>44</v>
      </c>
      <c r="C28" s="39" t="s">
        <v>41</v>
      </c>
      <c r="D28" s="35" t="s">
        <v>187</v>
      </c>
      <c r="E28" s="31" t="s">
        <v>10</v>
      </c>
      <c r="F28" s="32" t="s">
        <v>45</v>
      </c>
      <c r="G28" s="33" t="s">
        <v>47</v>
      </c>
    </row>
    <row r="29" spans="1:7" s="34" customFormat="1" x14ac:dyDescent="0.35">
      <c r="A29" s="28">
        <v>28</v>
      </c>
      <c r="B29" s="29" t="s">
        <v>46</v>
      </c>
      <c r="C29" s="39" t="s">
        <v>8</v>
      </c>
      <c r="D29" s="35" t="s">
        <v>187</v>
      </c>
      <c r="E29" s="31" t="s">
        <v>10</v>
      </c>
      <c r="F29" s="32" t="s">
        <v>17</v>
      </c>
      <c r="G29" s="33" t="s">
        <v>47</v>
      </c>
    </row>
    <row r="30" spans="1:7" s="34" customFormat="1" x14ac:dyDescent="0.35">
      <c r="A30" s="28">
        <v>29</v>
      </c>
      <c r="B30" s="29" t="s">
        <v>48</v>
      </c>
      <c r="C30" s="39" t="s">
        <v>203</v>
      </c>
      <c r="D30" s="35" t="s">
        <v>25</v>
      </c>
      <c r="E30" s="31" t="s">
        <v>28</v>
      </c>
      <c r="F30" s="32"/>
      <c r="G30" s="33"/>
    </row>
    <row r="31" spans="1:7" s="34" customFormat="1" x14ac:dyDescent="0.35">
      <c r="A31" s="28">
        <v>30</v>
      </c>
      <c r="B31" s="37" t="s">
        <v>157</v>
      </c>
      <c r="C31" s="36" t="s">
        <v>201</v>
      </c>
      <c r="D31" s="42" t="s">
        <v>177</v>
      </c>
      <c r="E31" s="31" t="s">
        <v>28</v>
      </c>
      <c r="F31" s="32"/>
      <c r="G31" s="33"/>
    </row>
    <row r="32" spans="1:7" s="34" customFormat="1" x14ac:dyDescent="0.35">
      <c r="A32" s="28">
        <v>31</v>
      </c>
      <c r="B32" s="29" t="s">
        <v>49</v>
      </c>
      <c r="C32" s="39" t="s">
        <v>14</v>
      </c>
      <c r="D32" s="35" t="s">
        <v>187</v>
      </c>
      <c r="E32" s="31" t="s">
        <v>12</v>
      </c>
      <c r="F32" s="32"/>
      <c r="G32" s="33"/>
    </row>
    <row r="33" spans="1:7" s="34" customFormat="1" x14ac:dyDescent="0.35">
      <c r="A33" s="28">
        <v>32</v>
      </c>
      <c r="B33" s="37" t="s">
        <v>158</v>
      </c>
      <c r="C33" s="36" t="s">
        <v>180</v>
      </c>
      <c r="D33" s="35" t="s">
        <v>80</v>
      </c>
      <c r="E33" s="31" t="s">
        <v>10</v>
      </c>
      <c r="F33" s="32"/>
      <c r="G33" s="33"/>
    </row>
    <row r="34" spans="1:7" s="34" customFormat="1" x14ac:dyDescent="0.35">
      <c r="A34" s="28">
        <v>33</v>
      </c>
      <c r="B34" s="29" t="s">
        <v>50</v>
      </c>
      <c r="C34" s="39" t="s">
        <v>51</v>
      </c>
      <c r="D34" s="35" t="s">
        <v>52</v>
      </c>
      <c r="E34" s="31" t="s">
        <v>10</v>
      </c>
      <c r="F34" s="32"/>
      <c r="G34" s="33"/>
    </row>
    <row r="35" spans="1:7" s="34" customFormat="1" x14ac:dyDescent="0.35">
      <c r="A35" s="28">
        <v>34</v>
      </c>
      <c r="B35" s="29" t="s">
        <v>53</v>
      </c>
      <c r="C35" s="39" t="s">
        <v>192</v>
      </c>
      <c r="D35" s="35" t="s">
        <v>19</v>
      </c>
      <c r="E35" s="31" t="s">
        <v>28</v>
      </c>
      <c r="F35" s="32"/>
      <c r="G35" s="33"/>
    </row>
    <row r="36" spans="1:7" s="34" customFormat="1" x14ac:dyDescent="0.35">
      <c r="A36" s="28">
        <v>35</v>
      </c>
      <c r="B36" s="29" t="s">
        <v>146</v>
      </c>
      <c r="C36" s="39" t="s">
        <v>100</v>
      </c>
      <c r="D36" s="30" t="s">
        <v>107</v>
      </c>
      <c r="E36" s="31" t="s">
        <v>12</v>
      </c>
      <c r="F36" s="32"/>
      <c r="G36" s="33"/>
    </row>
    <row r="37" spans="1:7" s="34" customFormat="1" x14ac:dyDescent="0.35">
      <c r="A37" s="28">
        <v>36</v>
      </c>
      <c r="B37" s="29" t="s">
        <v>54</v>
      </c>
      <c r="C37" s="39" t="s">
        <v>14</v>
      </c>
      <c r="D37" s="43" t="s">
        <v>171</v>
      </c>
      <c r="E37" s="31" t="s">
        <v>12</v>
      </c>
      <c r="F37" s="32"/>
      <c r="G37" s="33"/>
    </row>
    <row r="38" spans="1:7" s="34" customFormat="1" x14ac:dyDescent="0.35">
      <c r="A38" s="28">
        <v>37</v>
      </c>
      <c r="B38" s="29" t="s">
        <v>56</v>
      </c>
      <c r="C38" s="39" t="s">
        <v>33</v>
      </c>
      <c r="D38" s="35" t="s">
        <v>55</v>
      </c>
      <c r="E38" s="31" t="s">
        <v>12</v>
      </c>
      <c r="F38" s="32"/>
      <c r="G38" s="33"/>
    </row>
    <row r="39" spans="1:7" s="34" customFormat="1" x14ac:dyDescent="0.35">
      <c r="A39" s="28">
        <v>38</v>
      </c>
      <c r="B39" s="37" t="s">
        <v>159</v>
      </c>
      <c r="C39" s="36" t="s">
        <v>180</v>
      </c>
      <c r="D39" s="38" t="s">
        <v>170</v>
      </c>
      <c r="E39" s="31" t="s">
        <v>10</v>
      </c>
      <c r="F39" s="32"/>
      <c r="G39" s="33"/>
    </row>
    <row r="40" spans="1:7" s="34" customFormat="1" x14ac:dyDescent="0.35">
      <c r="A40" s="28">
        <v>39</v>
      </c>
      <c r="B40" s="37" t="s">
        <v>206</v>
      </c>
      <c r="C40" s="36" t="s">
        <v>14</v>
      </c>
      <c r="D40" s="30" t="s">
        <v>178</v>
      </c>
      <c r="E40" s="31" t="s">
        <v>12</v>
      </c>
      <c r="F40" s="32"/>
      <c r="G40" s="33"/>
    </row>
    <row r="41" spans="1:7" s="34" customFormat="1" x14ac:dyDescent="0.35">
      <c r="A41" s="28">
        <v>40</v>
      </c>
      <c r="B41" s="29" t="s">
        <v>173</v>
      </c>
      <c r="C41" s="39" t="s">
        <v>14</v>
      </c>
      <c r="D41" s="35" t="s">
        <v>25</v>
      </c>
      <c r="E41" s="31" t="s">
        <v>12</v>
      </c>
      <c r="F41" s="32"/>
      <c r="G41" s="33"/>
    </row>
    <row r="42" spans="1:7" s="34" customFormat="1" x14ac:dyDescent="0.35">
      <c r="A42" s="28">
        <v>41</v>
      </c>
      <c r="B42" s="37" t="s">
        <v>160</v>
      </c>
      <c r="C42" s="36" t="s">
        <v>204</v>
      </c>
      <c r="D42" s="43" t="s">
        <v>171</v>
      </c>
      <c r="E42" s="31" t="s">
        <v>28</v>
      </c>
      <c r="F42" s="32"/>
      <c r="G42" s="33"/>
    </row>
    <row r="43" spans="1:7" s="34" customFormat="1" x14ac:dyDescent="0.35">
      <c r="A43" s="28">
        <v>42</v>
      </c>
      <c r="B43" s="29" t="s">
        <v>57</v>
      </c>
      <c r="C43" s="39" t="s">
        <v>61</v>
      </c>
      <c r="D43" s="44" t="s">
        <v>55</v>
      </c>
      <c r="E43" s="31" t="s">
        <v>12</v>
      </c>
      <c r="F43" s="32"/>
      <c r="G43" s="33"/>
    </row>
    <row r="44" spans="1:7" s="34" customFormat="1" x14ac:dyDescent="0.35">
      <c r="A44" s="28">
        <v>43</v>
      </c>
      <c r="B44" s="45" t="s">
        <v>161</v>
      </c>
      <c r="C44" s="36" t="s">
        <v>180</v>
      </c>
      <c r="D44" s="38" t="s">
        <v>170</v>
      </c>
      <c r="E44" s="31" t="s">
        <v>10</v>
      </c>
      <c r="F44" s="32"/>
      <c r="G44" s="33"/>
    </row>
    <row r="45" spans="1:7" s="34" customFormat="1" x14ac:dyDescent="0.35">
      <c r="A45" s="28">
        <v>44</v>
      </c>
      <c r="B45" s="46" t="s">
        <v>59</v>
      </c>
      <c r="C45" s="39" t="s">
        <v>33</v>
      </c>
      <c r="D45" s="30" t="s">
        <v>107</v>
      </c>
      <c r="E45" s="31" t="s">
        <v>12</v>
      </c>
      <c r="F45" s="32"/>
      <c r="G45" s="33"/>
    </row>
    <row r="46" spans="1:7" s="34" customFormat="1" x14ac:dyDescent="0.35">
      <c r="A46" s="28">
        <v>45</v>
      </c>
      <c r="B46" s="29" t="s">
        <v>60</v>
      </c>
      <c r="C46" s="39" t="s">
        <v>61</v>
      </c>
      <c r="D46" s="43" t="s">
        <v>171</v>
      </c>
      <c r="E46" s="31" t="s">
        <v>12</v>
      </c>
      <c r="F46" s="32"/>
      <c r="G46" s="33"/>
    </row>
    <row r="47" spans="1:7" s="34" customFormat="1" x14ac:dyDescent="0.35">
      <c r="A47" s="28">
        <v>46</v>
      </c>
      <c r="B47" s="29" t="s">
        <v>62</v>
      </c>
      <c r="C47" s="39" t="s">
        <v>41</v>
      </c>
      <c r="D47" s="35" t="s">
        <v>187</v>
      </c>
      <c r="E47" s="31" t="s">
        <v>10</v>
      </c>
      <c r="F47" s="32" t="s">
        <v>45</v>
      </c>
      <c r="G47" s="33" t="s">
        <v>47</v>
      </c>
    </row>
    <row r="48" spans="1:7" s="34" customFormat="1" x14ac:dyDescent="0.35">
      <c r="A48" s="28">
        <v>47</v>
      </c>
      <c r="B48" s="29" t="s">
        <v>63</v>
      </c>
      <c r="C48" s="39" t="s">
        <v>64</v>
      </c>
      <c r="D48" s="35" t="s">
        <v>52</v>
      </c>
      <c r="E48" s="31" t="s">
        <v>12</v>
      </c>
      <c r="F48" s="32"/>
      <c r="G48" s="33"/>
    </row>
    <row r="49" spans="1:7" s="34" customFormat="1" x14ac:dyDescent="0.35">
      <c r="A49" s="28">
        <v>48</v>
      </c>
      <c r="B49" s="29" t="s">
        <v>66</v>
      </c>
      <c r="C49" s="39" t="s">
        <v>193</v>
      </c>
      <c r="D49" s="35" t="s">
        <v>9</v>
      </c>
      <c r="E49" s="31" t="s">
        <v>28</v>
      </c>
      <c r="F49" s="32"/>
      <c r="G49" s="33"/>
    </row>
    <row r="50" spans="1:7" s="34" customFormat="1" x14ac:dyDescent="0.35">
      <c r="A50" s="28">
        <v>49</v>
      </c>
      <c r="B50" s="29" t="s">
        <v>68</v>
      </c>
      <c r="C50" s="39" t="s">
        <v>51</v>
      </c>
      <c r="D50" s="35" t="s">
        <v>52</v>
      </c>
      <c r="E50" s="31" t="s">
        <v>10</v>
      </c>
      <c r="F50" s="32"/>
      <c r="G50" s="33"/>
    </row>
    <row r="51" spans="1:7" s="34" customFormat="1" x14ac:dyDescent="0.35">
      <c r="A51" s="28">
        <v>50</v>
      </c>
      <c r="B51" s="29" t="s">
        <v>174</v>
      </c>
      <c r="C51" s="39" t="s">
        <v>33</v>
      </c>
      <c r="D51" s="35" t="s">
        <v>55</v>
      </c>
      <c r="E51" s="31" t="s">
        <v>12</v>
      </c>
      <c r="F51" s="32"/>
      <c r="G51" s="33"/>
    </row>
    <row r="52" spans="1:7" s="34" customFormat="1" x14ac:dyDescent="0.35">
      <c r="A52" s="28">
        <v>51</v>
      </c>
      <c r="B52" s="29" t="s">
        <v>70</v>
      </c>
      <c r="C52" s="39" t="s">
        <v>8</v>
      </c>
      <c r="D52" s="35" t="s">
        <v>71</v>
      </c>
      <c r="E52" s="31" t="s">
        <v>10</v>
      </c>
      <c r="F52" s="32"/>
      <c r="G52" s="33"/>
    </row>
    <row r="53" spans="1:7" s="34" customFormat="1" x14ac:dyDescent="0.35">
      <c r="A53" s="28">
        <v>52</v>
      </c>
      <c r="B53" s="29" t="s">
        <v>69</v>
      </c>
      <c r="C53" s="39" t="s">
        <v>35</v>
      </c>
      <c r="D53" s="30" t="s">
        <v>107</v>
      </c>
      <c r="E53" s="31" t="s">
        <v>12</v>
      </c>
      <c r="F53" s="32"/>
      <c r="G53" s="33"/>
    </row>
    <row r="54" spans="1:7" s="34" customFormat="1" x14ac:dyDescent="0.35">
      <c r="A54" s="28">
        <v>53</v>
      </c>
      <c r="B54" s="29" t="s">
        <v>72</v>
      </c>
      <c r="C54" s="39" t="s">
        <v>51</v>
      </c>
      <c r="D54" s="35" t="s">
        <v>52</v>
      </c>
      <c r="E54" s="31" t="s">
        <v>10</v>
      </c>
      <c r="F54" s="32"/>
      <c r="G54" s="33"/>
    </row>
    <row r="55" spans="1:7" s="34" customFormat="1" x14ac:dyDescent="0.35">
      <c r="A55" s="28">
        <v>54</v>
      </c>
      <c r="B55" s="37" t="s">
        <v>162</v>
      </c>
      <c r="C55" s="36" t="s">
        <v>180</v>
      </c>
      <c r="D55" s="38" t="s">
        <v>170</v>
      </c>
      <c r="E55" s="31" t="s">
        <v>10</v>
      </c>
      <c r="F55" s="32"/>
      <c r="G55" s="33"/>
    </row>
    <row r="56" spans="1:7" s="34" customFormat="1" x14ac:dyDescent="0.35">
      <c r="A56" s="28">
        <v>55</v>
      </c>
      <c r="B56" s="37" t="s">
        <v>163</v>
      </c>
      <c r="C56" s="36" t="s">
        <v>180</v>
      </c>
      <c r="D56" s="30" t="s">
        <v>172</v>
      </c>
      <c r="E56" s="31" t="s">
        <v>10</v>
      </c>
      <c r="F56" s="32"/>
      <c r="G56" s="33"/>
    </row>
    <row r="57" spans="1:7" s="34" customFormat="1" x14ac:dyDescent="0.35">
      <c r="A57" s="28">
        <v>56</v>
      </c>
      <c r="B57" s="29" t="s">
        <v>74</v>
      </c>
      <c r="C57" s="39" t="s">
        <v>11</v>
      </c>
      <c r="D57" s="35" t="s">
        <v>75</v>
      </c>
      <c r="E57" s="31" t="s">
        <v>12</v>
      </c>
      <c r="F57" s="32"/>
      <c r="G57" s="33"/>
    </row>
    <row r="58" spans="1:7" s="34" customFormat="1" x14ac:dyDescent="0.35">
      <c r="A58" s="28">
        <v>57</v>
      </c>
      <c r="B58" s="29" t="s">
        <v>73</v>
      </c>
      <c r="C58" s="39" t="s">
        <v>14</v>
      </c>
      <c r="D58" s="35" t="s">
        <v>55</v>
      </c>
      <c r="E58" s="31" t="s">
        <v>12</v>
      </c>
      <c r="F58" s="32"/>
      <c r="G58" s="33"/>
    </row>
    <row r="59" spans="1:7" s="34" customFormat="1" x14ac:dyDescent="0.35">
      <c r="A59" s="28">
        <v>58</v>
      </c>
      <c r="B59" s="29" t="s">
        <v>76</v>
      </c>
      <c r="C59" s="39" t="s">
        <v>77</v>
      </c>
      <c r="D59" s="35" t="s">
        <v>187</v>
      </c>
      <c r="E59" s="47" t="s">
        <v>78</v>
      </c>
      <c r="F59" s="32" t="s">
        <v>45</v>
      </c>
      <c r="G59" s="33" t="s">
        <v>47</v>
      </c>
    </row>
    <row r="60" spans="1:7" s="34" customFormat="1" x14ac:dyDescent="0.35">
      <c r="A60" s="28">
        <v>59</v>
      </c>
      <c r="B60" s="29" t="s">
        <v>79</v>
      </c>
      <c r="C60" s="39" t="s">
        <v>35</v>
      </c>
      <c r="D60" s="35" t="s">
        <v>80</v>
      </c>
      <c r="E60" s="31" t="s">
        <v>12</v>
      </c>
      <c r="F60" s="32"/>
      <c r="G60" s="33"/>
    </row>
    <row r="61" spans="1:7" s="34" customFormat="1" x14ac:dyDescent="0.35">
      <c r="A61" s="28">
        <v>60</v>
      </c>
      <c r="B61" s="29" t="s">
        <v>81</v>
      </c>
      <c r="C61" s="39" t="s">
        <v>35</v>
      </c>
      <c r="D61" s="35" t="s">
        <v>9</v>
      </c>
      <c r="E61" s="31" t="s">
        <v>28</v>
      </c>
      <c r="F61" s="32" t="s">
        <v>36</v>
      </c>
      <c r="G61" s="33" t="s">
        <v>82</v>
      </c>
    </row>
    <row r="62" spans="1:7" s="34" customFormat="1" x14ac:dyDescent="0.35">
      <c r="A62" s="28">
        <v>61</v>
      </c>
      <c r="B62" s="29" t="s">
        <v>83</v>
      </c>
      <c r="C62" s="39" t="s">
        <v>84</v>
      </c>
      <c r="D62" s="35" t="s">
        <v>55</v>
      </c>
      <c r="E62" s="31" t="s">
        <v>12</v>
      </c>
      <c r="F62" s="32"/>
      <c r="G62" s="33"/>
    </row>
    <row r="63" spans="1:7" s="34" customFormat="1" x14ac:dyDescent="0.35">
      <c r="A63" s="28">
        <v>62</v>
      </c>
      <c r="B63" s="29" t="s">
        <v>85</v>
      </c>
      <c r="C63" s="39" t="s">
        <v>8</v>
      </c>
      <c r="D63" s="35" t="s">
        <v>25</v>
      </c>
      <c r="E63" s="31" t="s">
        <v>10</v>
      </c>
      <c r="F63" s="32"/>
      <c r="G63" s="33"/>
    </row>
    <row r="64" spans="1:7" s="34" customFormat="1" x14ac:dyDescent="0.35">
      <c r="A64" s="28">
        <v>63</v>
      </c>
      <c r="B64" s="29" t="s">
        <v>86</v>
      </c>
      <c r="C64" s="39" t="s">
        <v>194</v>
      </c>
      <c r="D64" s="35" t="s">
        <v>58</v>
      </c>
      <c r="E64" s="31" t="s">
        <v>28</v>
      </c>
      <c r="F64" s="32"/>
      <c r="G64" s="33"/>
    </row>
    <row r="65" spans="1:7" s="34" customFormat="1" x14ac:dyDescent="0.35">
      <c r="A65" s="28">
        <v>64</v>
      </c>
      <c r="B65" s="29" t="s">
        <v>87</v>
      </c>
      <c r="C65" s="39" t="s">
        <v>11</v>
      </c>
      <c r="D65" s="35" t="s">
        <v>88</v>
      </c>
      <c r="E65" s="31" t="s">
        <v>12</v>
      </c>
      <c r="F65" s="32"/>
      <c r="G65" s="33"/>
    </row>
    <row r="66" spans="1:7" s="34" customFormat="1" x14ac:dyDescent="0.35">
      <c r="A66" s="28">
        <v>65</v>
      </c>
      <c r="B66" s="29" t="s">
        <v>149</v>
      </c>
      <c r="C66" s="39" t="s">
        <v>14</v>
      </c>
      <c r="D66" s="35" t="s">
        <v>187</v>
      </c>
      <c r="E66" s="31" t="s">
        <v>12</v>
      </c>
      <c r="F66" s="32"/>
      <c r="G66" s="33"/>
    </row>
    <row r="67" spans="1:7" s="34" customFormat="1" x14ac:dyDescent="0.35">
      <c r="A67" s="28">
        <v>66</v>
      </c>
      <c r="B67" s="29" t="s">
        <v>89</v>
      </c>
      <c r="C67" s="39" t="s">
        <v>195</v>
      </c>
      <c r="D67" s="35" t="s">
        <v>88</v>
      </c>
      <c r="E67" s="31" t="s">
        <v>28</v>
      </c>
      <c r="F67" s="32"/>
      <c r="G67" s="33"/>
    </row>
    <row r="68" spans="1:7" s="34" customFormat="1" x14ac:dyDescent="0.35">
      <c r="A68" s="28">
        <v>67</v>
      </c>
      <c r="B68" s="29" t="s">
        <v>90</v>
      </c>
      <c r="C68" s="39" t="s">
        <v>91</v>
      </c>
      <c r="D68" s="35" t="s">
        <v>92</v>
      </c>
      <c r="E68" s="31" t="s">
        <v>12</v>
      </c>
      <c r="F68" s="32"/>
      <c r="G68" s="33"/>
    </row>
    <row r="69" spans="1:7" s="34" customFormat="1" x14ac:dyDescent="0.35">
      <c r="A69" s="28">
        <v>68</v>
      </c>
      <c r="B69" s="29" t="s">
        <v>93</v>
      </c>
      <c r="C69" s="39" t="s">
        <v>11</v>
      </c>
      <c r="D69" s="38" t="s">
        <v>170</v>
      </c>
      <c r="E69" s="31" t="s">
        <v>28</v>
      </c>
      <c r="F69" s="33" t="s">
        <v>36</v>
      </c>
      <c r="G69" s="33" t="s">
        <v>82</v>
      </c>
    </row>
    <row r="70" spans="1:7" s="34" customFormat="1" x14ac:dyDescent="0.35">
      <c r="A70" s="28">
        <v>69</v>
      </c>
      <c r="B70" s="37" t="s">
        <v>164</v>
      </c>
      <c r="C70" s="36" t="s">
        <v>180</v>
      </c>
      <c r="D70" s="42" t="s">
        <v>177</v>
      </c>
      <c r="E70" s="31" t="s">
        <v>10</v>
      </c>
      <c r="F70" s="32"/>
      <c r="G70" s="33"/>
    </row>
    <row r="71" spans="1:7" s="34" customFormat="1" x14ac:dyDescent="0.35">
      <c r="A71" s="28">
        <v>70</v>
      </c>
      <c r="B71" s="29" t="s">
        <v>94</v>
      </c>
      <c r="C71" s="39" t="s">
        <v>33</v>
      </c>
      <c r="D71" s="43" t="s">
        <v>171</v>
      </c>
      <c r="E71" s="31" t="s">
        <v>12</v>
      </c>
      <c r="F71" s="32"/>
      <c r="G71" s="33"/>
    </row>
    <row r="72" spans="1:7" s="34" customFormat="1" x14ac:dyDescent="0.35">
      <c r="A72" s="28">
        <v>71</v>
      </c>
      <c r="B72" s="29" t="s">
        <v>95</v>
      </c>
      <c r="C72" s="39" t="s">
        <v>196</v>
      </c>
      <c r="D72" s="35" t="s">
        <v>187</v>
      </c>
      <c r="E72" s="31" t="s">
        <v>28</v>
      </c>
      <c r="F72" s="32"/>
      <c r="G72" s="33"/>
    </row>
    <row r="73" spans="1:7" s="34" customFormat="1" x14ac:dyDescent="0.35">
      <c r="A73" s="28">
        <v>72</v>
      </c>
      <c r="B73" s="37" t="s">
        <v>165</v>
      </c>
      <c r="C73" s="36" t="s">
        <v>180</v>
      </c>
      <c r="D73" s="30" t="s">
        <v>139</v>
      </c>
      <c r="E73" s="31" t="s">
        <v>10</v>
      </c>
      <c r="F73" s="32"/>
      <c r="G73" s="33"/>
    </row>
    <row r="74" spans="1:7" s="34" customFormat="1" x14ac:dyDescent="0.35">
      <c r="A74" s="28">
        <v>73</v>
      </c>
      <c r="B74" s="29" t="s">
        <v>96</v>
      </c>
      <c r="C74" s="39" t="s">
        <v>14</v>
      </c>
      <c r="D74" s="35" t="s">
        <v>25</v>
      </c>
      <c r="E74" s="31" t="s">
        <v>28</v>
      </c>
      <c r="F74" s="32" t="s">
        <v>97</v>
      </c>
      <c r="G74" s="33" t="s">
        <v>82</v>
      </c>
    </row>
    <row r="75" spans="1:7" s="34" customFormat="1" x14ac:dyDescent="0.35">
      <c r="A75" s="28">
        <v>74</v>
      </c>
      <c r="B75" s="37" t="s">
        <v>166</v>
      </c>
      <c r="C75" s="36" t="s">
        <v>189</v>
      </c>
      <c r="D75" s="41" t="s">
        <v>176</v>
      </c>
      <c r="E75" s="31" t="s">
        <v>28</v>
      </c>
      <c r="F75" s="32"/>
      <c r="G75" s="33"/>
    </row>
    <row r="76" spans="1:7" s="34" customFormat="1" x14ac:dyDescent="0.35">
      <c r="A76" s="28">
        <v>75</v>
      </c>
      <c r="B76" s="37" t="s">
        <v>167</v>
      </c>
      <c r="C76" s="36" t="s">
        <v>180</v>
      </c>
      <c r="D76" s="35" t="s">
        <v>58</v>
      </c>
      <c r="E76" s="31" t="s">
        <v>10</v>
      </c>
      <c r="F76" s="32"/>
      <c r="G76" s="33"/>
    </row>
    <row r="77" spans="1:7" s="34" customFormat="1" x14ac:dyDescent="0.35">
      <c r="A77" s="28">
        <v>76</v>
      </c>
      <c r="B77" s="29" t="s">
        <v>98</v>
      </c>
      <c r="C77" s="39" t="s">
        <v>51</v>
      </c>
      <c r="D77" s="35" t="s">
        <v>75</v>
      </c>
      <c r="E77" s="31" t="s">
        <v>10</v>
      </c>
      <c r="F77" s="32"/>
      <c r="G77" s="33"/>
    </row>
    <row r="78" spans="1:7" s="34" customFormat="1" x14ac:dyDescent="0.35">
      <c r="A78" s="28">
        <v>77</v>
      </c>
      <c r="B78" s="29" t="s">
        <v>99</v>
      </c>
      <c r="C78" s="39" t="s">
        <v>61</v>
      </c>
      <c r="D78" s="43" t="s">
        <v>171</v>
      </c>
      <c r="E78" s="31" t="s">
        <v>12</v>
      </c>
      <c r="F78" s="32"/>
      <c r="G78" s="33"/>
    </row>
    <row r="79" spans="1:7" s="34" customFormat="1" x14ac:dyDescent="0.35">
      <c r="A79" s="28">
        <v>78</v>
      </c>
      <c r="B79" s="29" t="s">
        <v>101</v>
      </c>
      <c r="C79" s="39" t="s">
        <v>24</v>
      </c>
      <c r="D79" s="35" t="s">
        <v>22</v>
      </c>
      <c r="E79" s="31" t="s">
        <v>10</v>
      </c>
      <c r="F79" s="32"/>
      <c r="G79" s="33"/>
    </row>
    <row r="80" spans="1:7" s="34" customFormat="1" x14ac:dyDescent="0.35">
      <c r="A80" s="28">
        <v>79</v>
      </c>
      <c r="B80" s="29" t="s">
        <v>102</v>
      </c>
      <c r="C80" s="39" t="s">
        <v>8</v>
      </c>
      <c r="D80" s="35" t="s">
        <v>9</v>
      </c>
      <c r="E80" s="31" t="s">
        <v>10</v>
      </c>
      <c r="F80" s="32"/>
      <c r="G80" s="33"/>
    </row>
    <row r="81" spans="1:7" s="34" customFormat="1" x14ac:dyDescent="0.35">
      <c r="A81" s="28">
        <v>80</v>
      </c>
      <c r="B81" s="29" t="s">
        <v>103</v>
      </c>
      <c r="C81" s="39" t="s">
        <v>175</v>
      </c>
      <c r="D81" s="41" t="s">
        <v>176</v>
      </c>
      <c r="E81" s="31" t="s">
        <v>10</v>
      </c>
      <c r="F81" s="32"/>
      <c r="G81" s="33"/>
    </row>
    <row r="82" spans="1:7" s="34" customFormat="1" x14ac:dyDescent="0.35">
      <c r="A82" s="28">
        <v>81</v>
      </c>
      <c r="B82" s="29" t="s">
        <v>104</v>
      </c>
      <c r="C82" s="39" t="s">
        <v>197</v>
      </c>
      <c r="D82" s="35" t="s">
        <v>25</v>
      </c>
      <c r="E82" s="31" t="s">
        <v>28</v>
      </c>
      <c r="F82" s="32"/>
      <c r="G82" s="33"/>
    </row>
    <row r="83" spans="1:7" s="34" customFormat="1" x14ac:dyDescent="0.35">
      <c r="A83" s="28">
        <v>82</v>
      </c>
      <c r="B83" s="29" t="s">
        <v>105</v>
      </c>
      <c r="C83" s="39" t="s">
        <v>8</v>
      </c>
      <c r="D83" s="35" t="s">
        <v>9</v>
      </c>
      <c r="E83" s="31" t="s">
        <v>10</v>
      </c>
      <c r="F83" s="32"/>
      <c r="G83" s="33"/>
    </row>
    <row r="84" spans="1:7" s="34" customFormat="1" x14ac:dyDescent="0.35">
      <c r="A84" s="28">
        <v>83</v>
      </c>
      <c r="B84" s="46" t="s">
        <v>106</v>
      </c>
      <c r="C84" s="48" t="s">
        <v>11</v>
      </c>
      <c r="D84" s="41" t="s">
        <v>127</v>
      </c>
      <c r="E84" s="31" t="s">
        <v>12</v>
      </c>
      <c r="F84" s="49"/>
      <c r="G84" s="50"/>
    </row>
    <row r="85" spans="1:7" s="34" customFormat="1" x14ac:dyDescent="0.35">
      <c r="A85" s="28">
        <v>84</v>
      </c>
      <c r="B85" s="51" t="s">
        <v>108</v>
      </c>
      <c r="C85" s="39" t="s">
        <v>188</v>
      </c>
      <c r="D85" s="35" t="s">
        <v>179</v>
      </c>
      <c r="E85" s="31" t="s">
        <v>28</v>
      </c>
      <c r="F85" s="52"/>
      <c r="G85" s="52"/>
    </row>
    <row r="86" spans="1:7" s="34" customFormat="1" x14ac:dyDescent="0.35">
      <c r="A86" s="28">
        <v>85</v>
      </c>
      <c r="B86" s="30" t="s">
        <v>111</v>
      </c>
      <c r="C86" s="30" t="s">
        <v>11</v>
      </c>
      <c r="D86" s="53" t="s">
        <v>112</v>
      </c>
      <c r="E86" s="31" t="s">
        <v>12</v>
      </c>
      <c r="F86" s="52"/>
      <c r="G86" s="52"/>
    </row>
    <row r="87" spans="1:7" s="34" customFormat="1" x14ac:dyDescent="0.35">
      <c r="A87" s="28">
        <v>86</v>
      </c>
      <c r="B87" s="30" t="s">
        <v>109</v>
      </c>
      <c r="C87" s="30" t="s">
        <v>110</v>
      </c>
      <c r="D87" s="54" t="s">
        <v>171</v>
      </c>
      <c r="E87" s="31" t="s">
        <v>12</v>
      </c>
      <c r="F87" s="52"/>
      <c r="G87" s="52"/>
    </row>
    <row r="88" spans="1:7" s="34" customFormat="1" x14ac:dyDescent="0.35">
      <c r="A88" s="28">
        <v>87</v>
      </c>
      <c r="B88" s="30" t="s">
        <v>113</v>
      </c>
      <c r="C88" s="30" t="s">
        <v>51</v>
      </c>
      <c r="D88" s="35" t="s">
        <v>75</v>
      </c>
      <c r="E88" s="31" t="s">
        <v>10</v>
      </c>
      <c r="F88" s="52"/>
      <c r="G88" s="52"/>
    </row>
    <row r="89" spans="1:7" s="34" customFormat="1" x14ac:dyDescent="0.35">
      <c r="A89" s="28">
        <v>88</v>
      </c>
      <c r="B89" s="30" t="s">
        <v>205</v>
      </c>
      <c r="C89" s="30" t="s">
        <v>91</v>
      </c>
      <c r="D89" s="30" t="s">
        <v>114</v>
      </c>
      <c r="E89" s="31" t="s">
        <v>12</v>
      </c>
      <c r="F89" s="52"/>
      <c r="G89" s="52"/>
    </row>
    <row r="90" spans="1:7" s="34" customFormat="1" x14ac:dyDescent="0.35">
      <c r="A90" s="28">
        <v>89</v>
      </c>
      <c r="B90" s="30" t="s">
        <v>115</v>
      </c>
      <c r="C90" s="39" t="s">
        <v>198</v>
      </c>
      <c r="D90" s="35" t="s">
        <v>75</v>
      </c>
      <c r="E90" s="31" t="s">
        <v>28</v>
      </c>
      <c r="F90" s="52"/>
      <c r="G90" s="52"/>
    </row>
    <row r="91" spans="1:7" s="34" customFormat="1" x14ac:dyDescent="0.35">
      <c r="A91" s="28">
        <v>90</v>
      </c>
      <c r="B91" s="30" t="s">
        <v>116</v>
      </c>
      <c r="C91" s="30" t="s">
        <v>24</v>
      </c>
      <c r="D91" s="35" t="s">
        <v>25</v>
      </c>
      <c r="E91" s="31" t="s">
        <v>10</v>
      </c>
      <c r="F91" s="52"/>
      <c r="G91" s="52"/>
    </row>
    <row r="92" spans="1:7" s="34" customFormat="1" x14ac:dyDescent="0.35">
      <c r="A92" s="28">
        <v>91</v>
      </c>
      <c r="B92" s="30" t="s">
        <v>117</v>
      </c>
      <c r="C92" s="30" t="s">
        <v>8</v>
      </c>
      <c r="D92" s="30" t="s">
        <v>9</v>
      </c>
      <c r="E92" s="31" t="s">
        <v>10</v>
      </c>
      <c r="F92" s="52"/>
      <c r="G92" s="52"/>
    </row>
    <row r="93" spans="1:7" s="34" customFormat="1" x14ac:dyDescent="0.35">
      <c r="A93" s="28">
        <v>92</v>
      </c>
      <c r="B93" s="30" t="s">
        <v>118</v>
      </c>
      <c r="C93" s="30" t="s">
        <v>14</v>
      </c>
      <c r="D93" s="55" t="s">
        <v>172</v>
      </c>
      <c r="E93" s="31" t="s">
        <v>12</v>
      </c>
      <c r="F93" s="52"/>
      <c r="G93" s="52"/>
    </row>
    <row r="94" spans="1:7" s="34" customFormat="1" x14ac:dyDescent="0.35">
      <c r="A94" s="28">
        <v>93</v>
      </c>
      <c r="B94" s="30" t="s">
        <v>119</v>
      </c>
      <c r="C94" s="30" t="s">
        <v>51</v>
      </c>
      <c r="D94" s="56" t="s">
        <v>52</v>
      </c>
      <c r="E94" s="31" t="s">
        <v>10</v>
      </c>
      <c r="F94" s="52"/>
      <c r="G94" s="52"/>
    </row>
    <row r="95" spans="1:7" s="34" customFormat="1" x14ac:dyDescent="0.35">
      <c r="A95" s="28">
        <v>94</v>
      </c>
      <c r="B95" s="30" t="s">
        <v>120</v>
      </c>
      <c r="C95" s="30" t="s">
        <v>65</v>
      </c>
      <c r="D95" s="57" t="s">
        <v>172</v>
      </c>
      <c r="E95" s="31" t="s">
        <v>12</v>
      </c>
      <c r="F95" s="52"/>
      <c r="G95" s="52"/>
    </row>
    <row r="96" spans="1:7" s="34" customFormat="1" x14ac:dyDescent="0.35">
      <c r="A96" s="28">
        <v>95</v>
      </c>
      <c r="B96" s="36" t="s">
        <v>168</v>
      </c>
      <c r="C96" s="36" t="s">
        <v>180</v>
      </c>
      <c r="D96" s="30" t="s">
        <v>172</v>
      </c>
      <c r="E96" s="31" t="s">
        <v>10</v>
      </c>
      <c r="F96" s="52"/>
      <c r="G96" s="52"/>
    </row>
    <row r="97" spans="1:7" s="34" customFormat="1" x14ac:dyDescent="0.35">
      <c r="A97" s="28">
        <v>96</v>
      </c>
      <c r="B97" s="36" t="s">
        <v>169</v>
      </c>
      <c r="C97" s="36" t="s">
        <v>180</v>
      </c>
      <c r="D97" s="30" t="s">
        <v>139</v>
      </c>
      <c r="E97" s="31" t="s">
        <v>10</v>
      </c>
      <c r="F97" s="52"/>
      <c r="G97" s="52"/>
    </row>
    <row r="98" spans="1:7" s="34" customFormat="1" x14ac:dyDescent="0.35">
      <c r="A98" s="28">
        <v>97</v>
      </c>
      <c r="B98" s="30" t="s">
        <v>121</v>
      </c>
      <c r="C98" s="30" t="s">
        <v>14</v>
      </c>
      <c r="D98" s="38" t="s">
        <v>170</v>
      </c>
      <c r="E98" s="31" t="s">
        <v>12</v>
      </c>
      <c r="F98" s="52"/>
      <c r="G98" s="52"/>
    </row>
    <row r="99" spans="1:7" s="34" customFormat="1" x14ac:dyDescent="0.35">
      <c r="A99" s="28">
        <v>98</v>
      </c>
      <c r="B99" s="30" t="s">
        <v>122</v>
      </c>
      <c r="C99" s="39" t="s">
        <v>199</v>
      </c>
      <c r="D99" s="56" t="s">
        <v>15</v>
      </c>
      <c r="E99" s="31" t="s">
        <v>28</v>
      </c>
      <c r="F99" s="52"/>
      <c r="G99" s="52"/>
    </row>
    <row r="100" spans="1:7" s="34" customFormat="1" x14ac:dyDescent="0.35">
      <c r="A100" s="28">
        <v>99</v>
      </c>
      <c r="B100" s="30" t="s">
        <v>123</v>
      </c>
      <c r="C100" s="30" t="s">
        <v>65</v>
      </c>
      <c r="D100" s="41" t="s">
        <v>176</v>
      </c>
      <c r="E100" s="31" t="s">
        <v>12</v>
      </c>
      <c r="F100" s="52"/>
      <c r="G100" s="52"/>
    </row>
    <row r="101" spans="1:7" s="34" customFormat="1" x14ac:dyDescent="0.35">
      <c r="A101" s="28">
        <v>100</v>
      </c>
      <c r="B101" s="30" t="s">
        <v>124</v>
      </c>
      <c r="C101" s="39" t="s">
        <v>196</v>
      </c>
      <c r="D101" s="58" t="s">
        <v>19</v>
      </c>
      <c r="E101" s="31" t="s">
        <v>28</v>
      </c>
      <c r="F101" s="52"/>
      <c r="G101" s="52"/>
    </row>
    <row r="102" spans="1:7" s="34" customFormat="1" x14ac:dyDescent="0.35">
      <c r="A102" s="28">
        <v>101</v>
      </c>
      <c r="B102" s="36" t="s">
        <v>182</v>
      </c>
      <c r="C102" s="36" t="s">
        <v>180</v>
      </c>
      <c r="D102" s="42" t="s">
        <v>177</v>
      </c>
      <c r="E102" s="31" t="s">
        <v>10</v>
      </c>
      <c r="F102" s="52"/>
      <c r="G102" s="52"/>
    </row>
    <row r="103" spans="1:7" s="34" customFormat="1" x14ac:dyDescent="0.35">
      <c r="A103" s="28">
        <v>102</v>
      </c>
      <c r="B103" s="30" t="s">
        <v>125</v>
      </c>
      <c r="C103" s="30" t="s">
        <v>11</v>
      </c>
      <c r="D103" s="30" t="s">
        <v>139</v>
      </c>
      <c r="E103" s="31" t="s">
        <v>12</v>
      </c>
      <c r="F103" s="52"/>
      <c r="G103" s="52"/>
    </row>
    <row r="104" spans="1:7" s="34" customFormat="1" x14ac:dyDescent="0.35">
      <c r="A104" s="28">
        <v>103</v>
      </c>
      <c r="B104" s="30" t="s">
        <v>126</v>
      </c>
      <c r="C104" s="30" t="s">
        <v>11</v>
      </c>
      <c r="D104" s="41" t="s">
        <v>127</v>
      </c>
      <c r="E104" s="31" t="s">
        <v>12</v>
      </c>
      <c r="F104" s="52"/>
      <c r="G104" s="52"/>
    </row>
    <row r="105" spans="1:7" x14ac:dyDescent="0.35">
      <c r="A105" s="28">
        <v>104</v>
      </c>
      <c r="B105" s="20" t="s">
        <v>128</v>
      </c>
      <c r="C105" s="20" t="s">
        <v>33</v>
      </c>
      <c r="D105" s="24" t="s">
        <v>55</v>
      </c>
      <c r="E105" s="21" t="s">
        <v>28</v>
      </c>
      <c r="F105" s="23" t="s">
        <v>181</v>
      </c>
      <c r="G105" s="22" t="s">
        <v>82</v>
      </c>
    </row>
    <row r="106" spans="1:7" x14ac:dyDescent="0.35">
      <c r="B106" s="6"/>
      <c r="C106" s="7"/>
      <c r="D106" s="7"/>
      <c r="E106" s="5"/>
      <c r="F106" s="5"/>
      <c r="G106" s="5"/>
    </row>
    <row r="107" spans="1:7" x14ac:dyDescent="0.35">
      <c r="B107" s="6"/>
      <c r="C107" s="7"/>
      <c r="D107" s="7"/>
      <c r="E107" s="5"/>
      <c r="F107" s="5"/>
      <c r="G107" s="5"/>
    </row>
    <row r="108" spans="1:7" ht="17.5" x14ac:dyDescent="0.35">
      <c r="B108" s="27" t="s">
        <v>129</v>
      </c>
      <c r="C108" s="27"/>
      <c r="D108" s="27"/>
      <c r="E108" s="13"/>
      <c r="F108" s="13"/>
      <c r="G108" s="8"/>
    </row>
    <row r="109" spans="1:7" ht="22" customHeight="1" x14ac:dyDescent="0.35">
      <c r="B109" s="9" t="s">
        <v>0</v>
      </c>
      <c r="C109" s="10" t="s">
        <v>130</v>
      </c>
      <c r="D109" s="14" t="s">
        <v>3</v>
      </c>
      <c r="F109" s="15"/>
      <c r="G109" s="11"/>
    </row>
    <row r="110" spans="1:7" ht="14.5" customHeight="1" x14ac:dyDescent="0.35">
      <c r="A110" s="4">
        <v>1</v>
      </c>
      <c r="B110" s="16" t="s">
        <v>131</v>
      </c>
      <c r="C110" s="17" t="s">
        <v>132</v>
      </c>
      <c r="D110" s="18" t="s">
        <v>136</v>
      </c>
      <c r="F110" s="19"/>
      <c r="G110" s="11"/>
    </row>
    <row r="111" spans="1:7" s="34" customFormat="1" ht="14.5" customHeight="1" x14ac:dyDescent="0.35">
      <c r="A111" s="28">
        <v>2</v>
      </c>
      <c r="B111" s="59" t="s">
        <v>133</v>
      </c>
      <c r="C111" s="60" t="s">
        <v>134</v>
      </c>
      <c r="D111" s="61" t="s">
        <v>136</v>
      </c>
      <c r="F111" s="62"/>
      <c r="G111" s="63"/>
    </row>
    <row r="112" spans="1:7" s="34" customFormat="1" ht="14.5" customHeight="1" x14ac:dyDescent="0.35">
      <c r="A112" s="28">
        <v>3</v>
      </c>
      <c r="B112" s="59" t="s">
        <v>184</v>
      </c>
      <c r="C112" s="60" t="s">
        <v>141</v>
      </c>
      <c r="D112" s="61" t="s">
        <v>136</v>
      </c>
      <c r="F112" s="62"/>
      <c r="G112" s="63"/>
    </row>
    <row r="113" spans="1:7" s="34" customFormat="1" ht="14.5" customHeight="1" x14ac:dyDescent="0.35">
      <c r="A113" s="28">
        <v>4</v>
      </c>
      <c r="B113" s="59" t="s">
        <v>148</v>
      </c>
      <c r="C113" s="60" t="s">
        <v>145</v>
      </c>
      <c r="D113" s="61" t="s">
        <v>136</v>
      </c>
      <c r="F113" s="62"/>
      <c r="G113" s="63"/>
    </row>
    <row r="114" spans="1:7" s="34" customFormat="1" ht="14.5" customHeight="1" x14ac:dyDescent="0.35">
      <c r="A114" s="28">
        <v>5</v>
      </c>
      <c r="B114" s="59" t="s">
        <v>147</v>
      </c>
      <c r="C114" s="64" t="s">
        <v>142</v>
      </c>
      <c r="D114" s="61" t="s">
        <v>136</v>
      </c>
      <c r="F114" s="62"/>
      <c r="G114" s="63"/>
    </row>
    <row r="115" spans="1:7" s="34" customFormat="1" ht="14.5" customHeight="1" x14ac:dyDescent="0.35">
      <c r="A115" s="28">
        <v>6</v>
      </c>
      <c r="B115" s="59" t="s">
        <v>183</v>
      </c>
      <c r="C115" s="60" t="s">
        <v>139</v>
      </c>
      <c r="D115" s="61" t="s">
        <v>136</v>
      </c>
      <c r="F115" s="62"/>
      <c r="G115" s="63"/>
    </row>
    <row r="116" spans="1:7" s="34" customFormat="1" ht="14.5" customHeight="1" x14ac:dyDescent="0.35">
      <c r="A116" s="28">
        <v>7</v>
      </c>
      <c r="B116" s="59" t="s">
        <v>137</v>
      </c>
      <c r="C116" s="60" t="s">
        <v>52</v>
      </c>
      <c r="D116" s="61" t="s">
        <v>136</v>
      </c>
      <c r="F116" s="62"/>
      <c r="G116" s="63"/>
    </row>
    <row r="117" spans="1:7" s="34" customFormat="1" ht="14.5" customHeight="1" x14ac:dyDescent="0.35">
      <c r="A117" s="28">
        <v>8</v>
      </c>
      <c r="B117" s="59" t="s">
        <v>208</v>
      </c>
      <c r="C117" s="60" t="s">
        <v>139</v>
      </c>
      <c r="D117" s="61" t="s">
        <v>136</v>
      </c>
      <c r="F117" s="62"/>
      <c r="G117" s="63"/>
    </row>
    <row r="118" spans="1:7" s="34" customFormat="1" ht="14.5" customHeight="1" x14ac:dyDescent="0.35">
      <c r="A118" s="28">
        <v>9</v>
      </c>
      <c r="B118" s="65" t="s">
        <v>138</v>
      </c>
      <c r="C118" s="60" t="s">
        <v>139</v>
      </c>
      <c r="D118" s="61" t="s">
        <v>136</v>
      </c>
      <c r="F118" s="62"/>
      <c r="G118" s="63"/>
    </row>
    <row r="119" spans="1:7" s="34" customFormat="1" ht="14.5" customHeight="1" x14ac:dyDescent="0.35">
      <c r="A119" s="28">
        <v>10</v>
      </c>
      <c r="B119" s="59" t="s">
        <v>140</v>
      </c>
      <c r="C119" s="60" t="s">
        <v>141</v>
      </c>
      <c r="D119" s="61" t="s">
        <v>136</v>
      </c>
      <c r="F119" s="62"/>
      <c r="G119" s="63"/>
    </row>
    <row r="120" spans="1:7" s="34" customFormat="1" ht="14.5" customHeight="1" x14ac:dyDescent="0.35">
      <c r="A120" s="28">
        <v>11</v>
      </c>
      <c r="B120" s="59" t="s">
        <v>207</v>
      </c>
      <c r="C120" s="66" t="s">
        <v>135</v>
      </c>
      <c r="D120" s="61" t="s">
        <v>136</v>
      </c>
      <c r="F120" s="62"/>
      <c r="G120" s="63"/>
    </row>
    <row r="121" spans="1:7" s="34" customFormat="1" ht="14.5" customHeight="1" x14ac:dyDescent="0.35">
      <c r="A121" s="28">
        <v>12</v>
      </c>
      <c r="B121" s="59" t="s">
        <v>202</v>
      </c>
      <c r="C121" s="64" t="s">
        <v>142</v>
      </c>
      <c r="D121" s="61" t="s">
        <v>136</v>
      </c>
      <c r="F121" s="62"/>
      <c r="G121" s="63"/>
    </row>
    <row r="122" spans="1:7" s="34" customFormat="1" ht="14.5" customHeight="1" x14ac:dyDescent="0.35">
      <c r="A122" s="28">
        <v>13</v>
      </c>
      <c r="B122" s="67" t="s">
        <v>143</v>
      </c>
      <c r="C122" s="68" t="s">
        <v>52</v>
      </c>
      <c r="D122" s="61" t="s">
        <v>136</v>
      </c>
      <c r="F122" s="62"/>
      <c r="G122" s="63"/>
    </row>
    <row r="123" spans="1:7" s="34" customFormat="1" ht="14.5" customHeight="1" x14ac:dyDescent="0.35">
      <c r="A123" s="28">
        <v>14</v>
      </c>
      <c r="B123" s="69" t="s">
        <v>144</v>
      </c>
      <c r="C123" s="70" t="s">
        <v>134</v>
      </c>
      <c r="D123" s="61" t="s">
        <v>136</v>
      </c>
      <c r="F123" s="62"/>
      <c r="G123" s="63"/>
    </row>
    <row r="127" spans="1:7" x14ac:dyDescent="0.35">
      <c r="D127" s="12"/>
    </row>
  </sheetData>
  <autoFilter ref="A1:G105" xr:uid="{3B94DB1C-0254-443F-B265-EC762AC4AA6E}">
    <filterColumn colId="5" showButton="0"/>
  </autoFilter>
  <sortState xmlns:xlrd2="http://schemas.microsoft.com/office/spreadsheetml/2017/richdata2" ref="A110:D123">
    <sortCondition ref="B110:B123"/>
  </sortState>
  <mergeCells count="2">
    <mergeCell ref="F1:G1"/>
    <mergeCell ref="B108:D108"/>
  </mergeCells>
  <pageMargins left="0.70866141732283461" right="0.70866141732283461" top="0.74803149606299213" bottom="0.74803149606299213" header="0.31496062992125984" footer="0.31496062992125984"/>
  <pageSetup paperSize="9" scale="55" fitToHeight="0" orientation="landscape" horizontalDpi="4294967295" verticalDpi="4294967295" r:id="rId1"/>
  <rowBreaks count="2" manualBreakCount="2">
    <brk id="53" max="6" man="1"/>
    <brk id="107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Planilh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abela Custódio Olimpio</dc:creator>
  <cp:lastModifiedBy>Isabela Custódio Olimpio</cp:lastModifiedBy>
  <cp:lastPrinted>2025-08-05T12:12:32Z</cp:lastPrinted>
  <dcterms:created xsi:type="dcterms:W3CDTF">2025-05-05T19:09:30Z</dcterms:created>
  <dcterms:modified xsi:type="dcterms:W3CDTF">2025-10-29T18:04:53Z</dcterms:modified>
</cp:coreProperties>
</file>